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6"/>
  </p:notesMasterIdLst>
  <p:sldIdLst>
    <p:sldId id="256" r:id="rId2"/>
    <p:sldId id="4995" r:id="rId3"/>
    <p:sldId id="4991" r:id="rId4"/>
    <p:sldId id="5004" r:id="rId5"/>
  </p:sldIdLst>
  <p:sldSz cx="12192000" cy="6858000"/>
  <p:notesSz cx="6858000" cy="9144000"/>
  <p:defaultTextStyle>
    <a:defPPr>
      <a:defRPr lang="en-I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0"/>
  </p:normalViewPr>
  <p:slideViewPr>
    <p:cSldViewPr snapToGrid="0">
      <p:cViewPr>
        <p:scale>
          <a:sx n="80" d="100"/>
          <a:sy n="80" d="100"/>
        </p:scale>
        <p:origin x="40" y="1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notesMaster" Target="notesMasters/notesMaster1.xml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/Relationships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B8A9E5E-F011-44AF-8FD9-73E4B74B2FE9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744E629-CEE4-4547-87D4-EA3292E8B20F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6930399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'1.0' encoding='UTF-8' standalone='yes'?>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2.xml.rels><?xml version='1.0' encoding='UTF-8' standalone='yes'?>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3.xml.rels><?xml version='1.0' encoding='UTF-8' standalone='yes'?>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>
          <a:extLst>
            <a:ext uri="{FF2B5EF4-FFF2-40B4-BE49-F238E27FC236}">
              <a16:creationId xmlns:a16="http://schemas.microsoft.com/office/drawing/2014/main" id="{A53F6FF1-09B6-CADA-2112-A7F9490640B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>
            <a:extLst>
              <a:ext uri="{FF2B5EF4-FFF2-40B4-BE49-F238E27FC236}">
                <a16:creationId xmlns:a16="http://schemas.microsoft.com/office/drawing/2014/main" id="{2AA78C7C-4EB0-E91D-A3EE-CE3D3291683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>
            <a:extLst>
              <a:ext uri="{FF2B5EF4-FFF2-40B4-BE49-F238E27FC236}">
                <a16:creationId xmlns:a16="http://schemas.microsoft.com/office/drawing/2014/main" id="{6D652786-3797-1187-9A87-C46C87F69163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7849720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00137196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>
          <a:extLst>
            <a:ext uri="{FF2B5EF4-FFF2-40B4-BE49-F238E27FC236}">
              <a16:creationId xmlns:a16="http://schemas.microsoft.com/office/drawing/2014/main" id="{17914F62-B921-8134-5B28-D06E48A96E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>
            <a:extLst>
              <a:ext uri="{FF2B5EF4-FFF2-40B4-BE49-F238E27FC236}">
                <a16:creationId xmlns:a16="http://schemas.microsoft.com/office/drawing/2014/main" id="{312BC03C-8FAF-B9B6-05A0-BB7B24082343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>
            <a:extLst>
              <a:ext uri="{FF2B5EF4-FFF2-40B4-BE49-F238E27FC236}">
                <a16:creationId xmlns:a16="http://schemas.microsoft.com/office/drawing/2014/main" id="{AF78F98D-8F4F-E6EF-9929-52FC1A344A68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910606548"/>
      </p:ext>
    </p:extLst>
  </p:cSld>
  <p:clrMapOvr>
    <a:masterClrMapping/>
  </p:clrMapOvr>
</p:notes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78FDD9-E0EB-3FE8-8545-B424DA20FA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BE4BEC6-D96B-6380-CCBB-2DBD259B928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6CF8B6-FA88-3B1F-BBB0-723A0CA3BE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C5106C-6327-D0F5-434A-5E7D670D6F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6FC4EB-41E7-EF1E-9987-F542ADA9EE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8702712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60F5F-3E18-926F-4D1F-68025169C8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4E96285-4715-4F3C-5339-3DD96471CF3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072934-A5C1-BAF7-0F4F-FAADC1A4F0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030EDB6-3B07-1A1D-ADF9-48F818C55A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42605D-E56D-B6F2-721C-28D20A2B30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7856545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37D21D5-BCF3-4919-E702-7E03574F9E2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A09942A-449A-D10A-5573-BEF5DAB05E9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5D0ACE-A832-7A06-AD4A-AB24FFB002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CBA9EC-1C47-DEA5-B824-C32398588A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16E25E-AE2C-0E46-A0DF-B9C2887EEC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9967920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CB2EFA-3A5F-7888-D56B-B15529405A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FBB358-BAB8-6343-2CB9-B1F6C7F8DC1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A91ACB-41E1-C072-DE61-5193D11D07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4594F1-978F-D291-68FD-EC2C43C6A3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9EE0CB-6D40-5283-70C1-70E0028B7C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980534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46E24-4FDB-05F1-561E-A1390A53EA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36DB3E7-38EB-BAE5-3D4F-7AD4386928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D86AE-9237-A760-C3BE-B8D1B36E86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DEEE9C-2648-2F1A-3C50-5BB158ADE9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D0F0CB9-84FE-F4AA-C995-7E7844635D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8635554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4A643C-408C-AD77-D53D-4F98DF0C3B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E04A7F-F5CB-A081-BCF0-0EFFA90438F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05D334-656E-350A-65CB-8820D56259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4C2A7F-2DA0-DBD5-15CA-18F559294D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50963F-7022-2C73-8FE5-8309FBAEC0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B55DB2D-B78C-363A-D739-658CB677F6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24877891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AB845B-5A33-1EB7-ACC0-9099A5BADE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680D93-8AE7-735A-9243-E78625F172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35B20AF-6E2A-8144-5F8D-7519D2B81C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5D66CD4-B592-ED5B-D2B8-5B3E2B8E9C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2EB9F1A-EF7D-F6E1-E5A9-87B37B88099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93B90FE-CB58-DAC4-4A3D-2A5EAEBED2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F962291-6D98-837A-A7ED-5383E0BD0C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9DAB65-28DD-D420-1F80-BC28A030A9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8642023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A57672-4C1C-14C5-255D-C30A5FFC88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B6A4CC4-348E-4C36-A8FA-537608BA12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F1E78A1-E9FD-6535-D984-3042DFB6C7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5AC85D0-1D7F-4FAC-634C-FFCF0B2426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5537987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AC430F3-6C9E-327A-8AC0-21A31D6613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4A37AA-0094-1B54-956A-7E6D8DB2BA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EB7F6D-FEBF-E845-39FA-7CEA7F638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6829602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FB1958-39F5-48C1-9D36-F02C45630A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BE43AA-31B2-6D7E-922D-7891D74744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213E551-A74C-A087-3F59-244448F09FB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DCBBDC-E26C-E828-DD26-4F235F09CF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260F5B-1840-F637-1B5E-1D401F123F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28D6FFF-328F-5AE9-F4B1-39A002CC55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891763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31888-4467-FFE6-DF24-E8A6AFC799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A751D2D-5E43-1A61-736C-693F32987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7208E04-AFB0-6775-C919-4C76694648E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41A88E4-2FA8-440A-1869-C80169C91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840299-0FF0-893F-CAB5-BEDAFC6A61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448D0C-7357-4454-5DDD-EBB88FFDCF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679316587"/>
      </p:ext>
    </p:extLst>
  </p:cSld>
  <p:clrMapOvr>
    <a:masterClrMapping/>
  </p:clrMapOvr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B619C64-ED8B-7558-C677-0BE1B01A38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914566-0AF4-C94C-7170-300DAE84E7E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793B25-4BDD-DB70-BF46-5BD71BA20F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7252FA-EB04-C8FE-5470-DA12DBEC688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2BE0AF-1AD0-8CD8-2E56-8DA4F7187F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6517129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I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notesSlide" Target="../notesSlides/notesSlide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slideLayout" Target="../slideLayouts/slideLayout6.xml"/><Relationship Id="rId13" Type="http://schemas.openxmlformats.org/officeDocument/2006/relationships/notesSlide" Target="../notesSlides/notesSlide2.xml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notesSlide" Target="../notesSlides/notesSlide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4242C3-EA63-6CD0-D210-29C71FFB927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B22A7E8-0B8C-3612-E545-3FEEF39649B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150513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5">
          <a:extLst>
            <a:ext uri="{FF2B5EF4-FFF2-40B4-BE49-F238E27FC236}">
              <a16:creationId xmlns:a16="http://schemas.microsoft.com/office/drawing/2014/main" id="{392E266A-DE68-1928-A9A0-797F0802D66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8FC5620D-F91D-F2BE-462A-D1B8C4FC5525}"/>
              </a:ext>
            </a:extLst>
          </p:cNvPr>
          <p:cNvSpPr txBox="1"/>
          <p:nvPr/>
        </p:nvSpPr>
        <p:spPr>
          <a:xfrm>
            <a:off x="492684" y="768913"/>
            <a:ext cx="7385224" cy="4978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lc="http://schemas.openxmlformats.org/drawingml/2006/lockedCanvas"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45719" rIns="45719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pPr marL="0" marR="0" lvl="0" indent="0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altLang="ko-KR" sz="2600" b="1" dirty="0">
                <a:solidFill>
                  <a:prstClr val="black"/>
                </a:solidFill>
                <a:highlight>
                  <a:srgbClr val="FFFF00"/>
                </a:highlight>
                <a:latin typeface="Arial" panose="020B0502040204020203" pitchFamily="34" charset="0"/>
                <a:ea typeface="맑은 고딕" panose="020B0503020000020004" pitchFamily="34" charset="-127"/>
                <a:cs typeface="Arial" pitchFamily="34" charset="0"/>
              </a:rPr>
              <a:t>Business Scenarios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351DB21F-0AB6-0761-87AF-7A8F99864FDE}"/>
              </a:ext>
            </a:extLst>
          </p:cNvPr>
          <p:cNvGraphicFramePr>
            <a:graphicFrameLocks noGrp="1"/>
          </p:cNvGraphicFramePr>
          <p:nvPr/>
        </p:nvGraphicFramePr>
        <p:xfrm>
          <a:off x="0" y="1697308"/>
          <a:ext cx="12598396" cy="3975551"/>
        </p:xfrm>
        <a:graphic>
          <a:graphicData uri="http://schemas.openxmlformats.org/drawingml/2006/table">
            <a:tbl>
              <a:tblPr/>
              <a:tblGrid>
                <a:gridCol w="2047213">
                  <a:extLst>
                    <a:ext uri="{9D8B030D-6E8A-4147-A177-3AD203B41FA5}">
                      <a16:colId xmlns:a16="http://schemas.microsoft.com/office/drawing/2014/main" val="892005112"/>
                    </a:ext>
                  </a:extLst>
                </a:gridCol>
                <a:gridCol w="3091230">
                  <a:extLst>
                    <a:ext uri="{9D8B030D-6E8A-4147-A177-3AD203B41FA5}">
                      <a16:colId xmlns:a16="http://schemas.microsoft.com/office/drawing/2014/main" val="1186659160"/>
                    </a:ext>
                  </a:extLst>
                </a:gridCol>
                <a:gridCol w="2501877">
                  <a:extLst>
                    <a:ext uri="{9D8B030D-6E8A-4147-A177-3AD203B41FA5}">
                      <a16:colId xmlns:a16="http://schemas.microsoft.com/office/drawing/2014/main" val="1467427102"/>
                    </a:ext>
                  </a:extLst>
                </a:gridCol>
                <a:gridCol w="2570480">
                  <a:extLst>
                    <a:ext uri="{9D8B030D-6E8A-4147-A177-3AD203B41FA5}">
                      <a16:colId xmlns:a16="http://schemas.microsoft.com/office/drawing/2014/main" val="1002958367"/>
                    </a:ext>
                  </a:extLst>
                </a:gridCol>
                <a:gridCol w="1656371">
                  <a:extLst>
                    <a:ext uri="{9D8B030D-6E8A-4147-A177-3AD203B41FA5}">
                      <a16:colId xmlns:a16="http://schemas.microsoft.com/office/drawing/2014/main" val="3478855302"/>
                    </a:ext>
                  </a:extLst>
                </a:gridCol>
                <a:gridCol w="731225">
                  <a:extLst>
                    <a:ext uri="{9D8B030D-6E8A-4147-A177-3AD203B41FA5}">
                      <a16:colId xmlns:a16="http://schemas.microsoft.com/office/drawing/2014/main" val="1234087013"/>
                    </a:ext>
                  </a:extLst>
                </a:gridCol>
              </a:tblGrid>
              <a:tr h="27958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oject Nam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scription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cop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Business Valu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liverables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IL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24363945"/>
                  </a:ext>
                </a:extLst>
              </a:tr>
              <a:tr h="43481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lign Customer Entity Across System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sure a consistent and unified customer entity across all organizational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integration, standardization, and governanc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mproved data consistency, better decision-making, reduced reconciliation eff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Unified customer data model, data governance framework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9714886"/>
                  </a:ext>
                </a:extLst>
              </a:tr>
              <a:tr h="168788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ne Truth for Cross-Company KPI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stablish a single source of truth for key performance indicators (KPIs) across the compan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consolidation, KPI alignment, and reporting standardiz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hanced reporting accuracy, alignment across departments, better strategic plan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KPI dashboard, standardized data definitions, executive report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3669664"/>
                  </a:ext>
                </a:extLst>
              </a:tr>
              <a:tr h="23804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elf-Service BI for Business Department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able business users to generate reports and insights without dependency on I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mplementation of self-service BI tools, access control, and trai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Faster and more flexible business insights, reducing IT workload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elf-service BI platform, training materials, governance guidelin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08308994"/>
                  </a:ext>
                </a:extLst>
              </a:tr>
              <a:tr h="388578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Faster TTM for Analytic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Reduce the time required to deliver analytical insights by optimizing data workflow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ptimization of ETL/ELT pipelines, data modeling improvemen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ccelerated decision-making and improved efficiency in analytics process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ptimized data pipelines, reduced latency in analytics deliver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3224131"/>
                  </a:ext>
                </a:extLst>
              </a:tr>
              <a:tr h="4673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ustomer 360 View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reate a comprehensive view of customer interactions, transactions, and engagemen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ntegration of customer data from multiple sources into a unified model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eper customer understanding, personalized interactions, and higher retention rat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ustomer 360 dashboard, integration with CRM and support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9740739"/>
                  </a:ext>
                </a:extLst>
              </a:tr>
              <a:tr h="28448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Unified Customer Metadata (# Machines, Activated..)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ntegrate and standardize metadata for customers, including machine usage and activation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velopment of metadata management systems and reporting dashboard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Better asset tracking, improved customer engagement metric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Metadata management system, customer insights rep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7236120"/>
                  </a:ext>
                </a:extLst>
              </a:tr>
              <a:tr h="4165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tect Business Anomalie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velop an anomaly detection system to identify business inconsistencies in real-tim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I-based anomaly detection models and real-time ale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Reduced revenue leakage, faster anomaly detection and resolu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nomaly detection reports, automated alerting system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0986960"/>
                  </a:ext>
                </a:extLst>
              </a:tr>
              <a:tr h="4165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Maintenance Prediction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 maintenance needs to reduce downtime and optimize resource alloc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ive analytics using historical maintenance data and IoT sensor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Lower maintenance costs, increased operational efficiency, improved uptim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ive maintenance dashboard, integration with asset tracking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3159412"/>
                  </a:ext>
                </a:extLst>
              </a:tr>
              <a:tr h="35560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levate Data for Analytics and AI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hance data accessibility and quality to support advanced analytics and AI initiativ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enrichment, AI model training, and improved accessibilit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tronger AI and analytics capabilities, improved business intelligenc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I-ready data platform, enhanced data catalogs, and APIs for AI/ML application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7151798"/>
                  </a:ext>
                </a:extLst>
              </a:tr>
            </a:tbl>
          </a:graphicData>
        </a:graphic>
      </p:graphicFrame>
      <p:sp>
        <p:nvSpPr>
          <p:cNvPr id="4" name="Прямая соединительная линия 7">
            <a:extLst>
              <a:ext uri="{FF2B5EF4-FFF2-40B4-BE49-F238E27FC236}">
                <a16:creationId xmlns:a16="http://schemas.microsoft.com/office/drawing/2014/main" id="{4D16A156-A144-94D0-77C1-11A0A864C024}"/>
              </a:ext>
            </a:extLst>
          </p:cNvPr>
          <p:cNvSpPr/>
          <p:nvPr/>
        </p:nvSpPr>
        <p:spPr>
          <a:xfrm flipH="1" flipV="1">
            <a:off x="492683" y="1254194"/>
            <a:ext cx="6951912" cy="0"/>
          </a:xfrm>
          <a:prstGeom prst="line">
            <a:avLst/>
          </a:prstGeom>
          <a:ln w="38100">
            <a:solidFill>
              <a:srgbClr val="042056"/>
            </a:solidFill>
            <a:miter/>
          </a:ln>
        </p:spPr>
        <p:txBody>
          <a:bodyPr lIns="45719" rIns="45719"/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6876980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15B49AC-E37E-0458-CA11-3692AF1B07AB}"/>
              </a:ext>
            </a:extLst>
          </p:cNvPr>
          <p:cNvSpPr txBox="1">
            <a:spLocks/>
          </p:cNvSpPr>
          <p:nvPr/>
        </p:nvSpPr>
        <p:spPr>
          <a:xfrm>
            <a:off x="0" y="25933"/>
            <a:ext cx="12192000" cy="7242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defPPr>
              <a:defRPr lang="en-IL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502040204020203" pitchFamily="34" charset="0"/>
                <a:ea typeface="맑은 고딕" panose="020B0503020000020004" pitchFamily="34" charset="-127"/>
                <a:cs typeface="Arial" panose="020B0604020202020204" pitchFamily="34" charset="0"/>
              </a:rPr>
              <a:t>Roadmap</a:t>
            </a:r>
            <a:endParaRPr kumimoji="0" lang="en-US" sz="2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egoe UI" panose="020B0502040204020203" pitchFamily="34" charset="0"/>
              <a:ea typeface="맑은 고딕" panose="020B0503020000020004" pitchFamily="34" charset="-127"/>
              <a:cs typeface="Segoe UI" panose="020B0502040204020203" pitchFamily="34" charset="0"/>
            </a:endParaRPr>
          </a:p>
        </p:txBody>
      </p:sp>
      <p:sp>
        <p:nvSpPr>
          <p:cNvPr id="3" name="OTLSHAPE_SL_6a017bb2991f4dae8d731bb3856f1da0_HeaderRectangle">
            <a:extLst>
              <a:ext uri="{FF2B5EF4-FFF2-40B4-BE49-F238E27FC236}">
                <a16:creationId xmlns:a16="http://schemas.microsoft.com/office/drawing/2014/main" id="{69CD9AF0-47B1-5A95-DCD0-B56C5CB1047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858180" y="902731"/>
            <a:ext cx="10146371" cy="1127881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0" name="OTLSHAPE_SL_6a017bb2991f4dae8d731bb3856f1da0_HeaderRectangle">
            <a:extLst>
              <a:ext uri="{FF2B5EF4-FFF2-40B4-BE49-F238E27FC236}">
                <a16:creationId xmlns:a16="http://schemas.microsoft.com/office/drawing/2014/main" id="{F9830EB0-3191-87FB-0712-245E8285830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858180" y="2086241"/>
            <a:ext cx="10146371" cy="1127881"/>
          </a:xfrm>
          <a:prstGeom prst="rect">
            <a:avLst/>
          </a:prstGeom>
          <a:solidFill>
            <a:srgbClr val="246CA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1" name="OTLSHAPE_SL_6a017bb2991f4dae8d731bb3856f1da0_HeaderRectangle">
            <a:extLst>
              <a:ext uri="{FF2B5EF4-FFF2-40B4-BE49-F238E27FC236}">
                <a16:creationId xmlns:a16="http://schemas.microsoft.com/office/drawing/2014/main" id="{27C64184-7233-F5FD-AE6A-982FB656660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858180" y="3269751"/>
            <a:ext cx="10146371" cy="1127881"/>
          </a:xfrm>
          <a:prstGeom prst="rect">
            <a:avLst/>
          </a:prstGeom>
          <a:solidFill>
            <a:srgbClr val="53545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2" name="OTLSHAPE_SL_6a017bb2991f4dae8d731bb3856f1da0_HeaderRectangle">
            <a:extLst>
              <a:ext uri="{FF2B5EF4-FFF2-40B4-BE49-F238E27FC236}">
                <a16:creationId xmlns:a16="http://schemas.microsoft.com/office/drawing/2014/main" id="{1328ECE7-79EA-734A-0C6B-DDFE80F5FD3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58180" y="4464121"/>
            <a:ext cx="10146371" cy="1127881"/>
          </a:xfrm>
          <a:prstGeom prst="rect">
            <a:avLst/>
          </a:prstGeom>
          <a:solidFill>
            <a:srgbClr val="1A26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5" name="OTLSHAPE_SL_6a017bb2991f4dae8d731bb3856f1da0_HeaderRectangle">
            <a:extLst>
              <a:ext uri="{FF2B5EF4-FFF2-40B4-BE49-F238E27FC236}">
                <a16:creationId xmlns:a16="http://schemas.microsoft.com/office/drawing/2014/main" id="{60C1B31F-1EEE-C7F9-C7C9-4A8E879FAF0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858180" y="5636772"/>
            <a:ext cx="10146371" cy="1127881"/>
          </a:xfrm>
          <a:prstGeom prst="rect">
            <a:avLst/>
          </a:prstGeom>
          <a:solidFill>
            <a:srgbClr val="B4B7B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2C450C57-2888-D132-831A-6A2AECE0D415}"/>
              </a:ext>
            </a:extLst>
          </p:cNvPr>
          <p:cNvCxnSpPr>
            <a:cxnSpLocks/>
          </p:cNvCxnSpPr>
          <p:nvPr/>
        </p:nvCxnSpPr>
        <p:spPr>
          <a:xfrm>
            <a:off x="9468738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FB5F7D8B-FEB0-50DF-2E5E-B0EFE6196921}"/>
              </a:ext>
            </a:extLst>
          </p:cNvPr>
          <p:cNvCxnSpPr>
            <a:cxnSpLocks/>
          </p:cNvCxnSpPr>
          <p:nvPr/>
        </p:nvCxnSpPr>
        <p:spPr>
          <a:xfrm>
            <a:off x="6929753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11AAB24F-AF21-D648-B08E-ABF21EF54B65}"/>
              </a:ext>
            </a:extLst>
          </p:cNvPr>
          <p:cNvSpPr txBox="1"/>
          <p:nvPr/>
        </p:nvSpPr>
        <p:spPr>
          <a:xfrm>
            <a:off x="2012392" y="549456"/>
            <a:ext cx="734183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Calibri"/>
                <a:cs typeface="Calibri"/>
              </a:rPr>
              <a:t>* Final plan depends on ERP implementation , team size and business priorities</a:t>
            </a:r>
            <a:endParaRPr kumimoji="0" lang="en-IL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Calibri"/>
              <a:cs typeface="Calibri"/>
            </a:endParaRP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B47BA083-C046-28F1-FD66-987EEB0BE0A8}"/>
              </a:ext>
            </a:extLst>
          </p:cNvPr>
          <p:cNvSpPr/>
          <p:nvPr/>
        </p:nvSpPr>
        <p:spPr>
          <a:xfrm>
            <a:off x="1837860" y="1166781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F0502020204030204"/>
                <a:ea typeface="Calibri"/>
                <a:cs typeface="Arial" panose="020B0604020202020204" pitchFamily="34" charset="0"/>
              </a:rPr>
              <a:t>New vendor &amp; Env. setup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2D78C2B4-6BA0-3BBF-E41D-F1DD5802A766}"/>
              </a:ext>
            </a:extLst>
          </p:cNvPr>
          <p:cNvSpPr/>
          <p:nvPr/>
        </p:nvSpPr>
        <p:spPr>
          <a:xfrm>
            <a:off x="3488077" y="1477497"/>
            <a:ext cx="2560328" cy="165087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Core raw data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29" name="OTLSHAPE_SL_6a017bb2991f4dae8d731bb3856f1da0_HeaderRectangle">
            <a:extLst>
              <a:ext uri="{FF2B5EF4-FFF2-40B4-BE49-F238E27FC236}">
                <a16:creationId xmlns:a16="http://schemas.microsoft.com/office/drawing/2014/main" id="{6BBA43EE-28C0-76EC-E5F8-99EE552DECB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85454" y="90273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30" name="OTLSHAPE_SL_6a017bb2991f4dae8d731bb3856f1da0_HeaderRectangle">
            <a:extLst>
              <a:ext uri="{FF2B5EF4-FFF2-40B4-BE49-F238E27FC236}">
                <a16:creationId xmlns:a16="http://schemas.microsoft.com/office/drawing/2014/main" id="{DE86F190-844C-B3D4-EED1-FABBBF0558C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5454" y="208624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31" name="OTLSHAPE_SL_6a017bb2991f4dae8d731bb3856f1da0_HeaderRectangle">
            <a:extLst>
              <a:ext uri="{FF2B5EF4-FFF2-40B4-BE49-F238E27FC236}">
                <a16:creationId xmlns:a16="http://schemas.microsoft.com/office/drawing/2014/main" id="{34BADD7C-CBD2-2FB2-AA5A-639977ACD53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85454" y="326975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57" name="OTLSHAPE_SL_6a017bb2991f4dae8d731bb3856f1da0_HeaderRectangle">
            <a:extLst>
              <a:ext uri="{FF2B5EF4-FFF2-40B4-BE49-F238E27FC236}">
                <a16:creationId xmlns:a16="http://schemas.microsoft.com/office/drawing/2014/main" id="{86ADF6B9-1320-0AD4-9B59-4607381C87D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85454" y="446412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58" name="OTLSHAPE_SL_6a017bb2991f4dae8d731bb3856f1da0_HeaderRectangle">
            <a:extLst>
              <a:ext uri="{FF2B5EF4-FFF2-40B4-BE49-F238E27FC236}">
                <a16:creationId xmlns:a16="http://schemas.microsoft.com/office/drawing/2014/main" id="{0EC64DE8-E803-7334-95FB-5B9720EBE23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85454" y="5636772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F1F007EF-E509-4710-3E0E-D3BDAC32A6C5}"/>
              </a:ext>
            </a:extLst>
          </p:cNvPr>
          <p:cNvSpPr txBox="1"/>
          <p:nvPr/>
        </p:nvSpPr>
        <p:spPr>
          <a:xfrm>
            <a:off x="516949" y="1276571"/>
            <a:ext cx="1016311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Set up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86F9A7BB-2553-1BEC-DBBC-A190D732C2D0}"/>
              </a:ext>
            </a:extLst>
          </p:cNvPr>
          <p:cNvSpPr txBox="1"/>
          <p:nvPr/>
        </p:nvSpPr>
        <p:spPr>
          <a:xfrm>
            <a:off x="516949" y="2496293"/>
            <a:ext cx="1016311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One </a:t>
            </a:r>
            <a:r>
              <a:rPr kumimoji="0" lang="en-US" altLang="ko-KR" sz="1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Nayax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48" name="TextBox 447">
            <a:extLst>
              <a:ext uri="{FF2B5EF4-FFF2-40B4-BE49-F238E27FC236}">
                <a16:creationId xmlns:a16="http://schemas.microsoft.com/office/drawing/2014/main" id="{B1941A2B-90DF-380B-ECD4-EA338AC86C52}"/>
              </a:ext>
            </a:extLst>
          </p:cNvPr>
          <p:cNvSpPr txBox="1"/>
          <p:nvPr/>
        </p:nvSpPr>
        <p:spPr>
          <a:xfrm>
            <a:off x="427188" y="3679803"/>
            <a:ext cx="119583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Business Growth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49" name="TextBox 448">
            <a:extLst>
              <a:ext uri="{FF2B5EF4-FFF2-40B4-BE49-F238E27FC236}">
                <a16:creationId xmlns:a16="http://schemas.microsoft.com/office/drawing/2014/main" id="{4AE07C03-0E18-8149-1286-4050DE14D436}"/>
              </a:ext>
            </a:extLst>
          </p:cNvPr>
          <p:cNvSpPr txBox="1"/>
          <p:nvPr/>
        </p:nvSpPr>
        <p:spPr>
          <a:xfrm>
            <a:off x="337427" y="5754436"/>
            <a:ext cx="1375355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AI and Data innovation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50" name="TextBox 449">
            <a:extLst>
              <a:ext uri="{FF2B5EF4-FFF2-40B4-BE49-F238E27FC236}">
                <a16:creationId xmlns:a16="http://schemas.microsoft.com/office/drawing/2014/main" id="{E48CE951-2BD5-671E-B4F1-A06F4BF21FAA}"/>
              </a:ext>
            </a:extLst>
          </p:cNvPr>
          <p:cNvSpPr txBox="1"/>
          <p:nvPr/>
        </p:nvSpPr>
        <p:spPr>
          <a:xfrm>
            <a:off x="402687" y="4766451"/>
            <a:ext cx="1244835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F0502020204030204"/>
                <a:ea typeface="맑은 고딕" panose="020B0503020000020004" pitchFamily="34" charset="-127"/>
                <a:cs typeface="Arial" pitchFamily="34" charset="0"/>
              </a:rPr>
              <a:t>Customer Care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cxnSp>
        <p:nvCxnSpPr>
          <p:cNvPr id="451" name="Straight Connector 450">
            <a:extLst>
              <a:ext uri="{FF2B5EF4-FFF2-40B4-BE49-F238E27FC236}">
                <a16:creationId xmlns:a16="http://schemas.microsoft.com/office/drawing/2014/main" id="{B86B19F2-4D8E-0BB5-B462-37314D2CCD81}"/>
              </a:ext>
            </a:extLst>
          </p:cNvPr>
          <p:cNvCxnSpPr>
            <a:cxnSpLocks/>
          </p:cNvCxnSpPr>
          <p:nvPr/>
        </p:nvCxnSpPr>
        <p:spPr>
          <a:xfrm>
            <a:off x="4390777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aphicFrame>
        <p:nvGraphicFramePr>
          <p:cNvPr id="454" name="Table 454">
            <a:extLst>
              <a:ext uri="{FF2B5EF4-FFF2-40B4-BE49-F238E27FC236}">
                <a16:creationId xmlns:a16="http://schemas.microsoft.com/office/drawing/2014/main" id="{6B3769B5-B6DF-8AA2-059A-CD839A32E8D3}"/>
              </a:ext>
            </a:extLst>
          </p:cNvPr>
          <p:cNvGraphicFramePr>
            <a:graphicFrameLocks noGrp="1"/>
          </p:cNvGraphicFramePr>
          <p:nvPr/>
        </p:nvGraphicFramePr>
        <p:xfrm>
          <a:off x="1858180" y="816668"/>
          <a:ext cx="10146372" cy="27383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45531">
                  <a:extLst>
                    <a:ext uri="{9D8B030D-6E8A-4147-A177-3AD203B41FA5}">
                      <a16:colId xmlns:a16="http://schemas.microsoft.com/office/drawing/2014/main" val="2018290571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21411372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62304031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91302322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635322095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055353828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2001788489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08300564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1731584992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56459326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51548679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1320251179"/>
                    </a:ext>
                  </a:extLst>
                </a:gridCol>
              </a:tblGrid>
              <a:tr h="273837"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1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2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3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4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5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6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7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8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09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10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11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>
                          <a:latin typeface="Arial"/>
                        </a:rPr>
                        <a:t>12</a:t>
                      </a:r>
                      <a:endParaRPr lang="en-IL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85512678"/>
                  </a:ext>
                </a:extLst>
              </a:tr>
            </a:tbl>
          </a:graphicData>
        </a:graphic>
      </p:graphicFrame>
      <p:sp>
        <p:nvSpPr>
          <p:cNvPr id="56" name="Rectangle: Rounded Corners 55">
            <a:extLst>
              <a:ext uri="{FF2B5EF4-FFF2-40B4-BE49-F238E27FC236}">
                <a16:creationId xmlns:a16="http://schemas.microsoft.com/office/drawing/2014/main" id="{E5B58BAF-49DC-C16D-14DA-AD89602FD27B}"/>
              </a:ext>
            </a:extLst>
          </p:cNvPr>
          <p:cNvSpPr/>
          <p:nvPr/>
        </p:nvSpPr>
        <p:spPr>
          <a:xfrm>
            <a:off x="3488076" y="1750765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Salesforce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42600ECA-B82E-C4D1-FD25-9E190127E7A2}"/>
              </a:ext>
            </a:extLst>
          </p:cNvPr>
          <p:cNvSpPr/>
          <p:nvPr/>
        </p:nvSpPr>
        <p:spPr>
          <a:xfrm>
            <a:off x="1858181" y="2347949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Customer align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60" name="Rectangle: Rounded Corners 59">
            <a:extLst>
              <a:ext uri="{FF2B5EF4-FFF2-40B4-BE49-F238E27FC236}">
                <a16:creationId xmlns:a16="http://schemas.microsoft.com/office/drawing/2014/main" id="{98F8379F-023F-8EDB-492C-A065F7965B50}"/>
              </a:ext>
            </a:extLst>
          </p:cNvPr>
          <p:cNvSpPr/>
          <p:nvPr/>
        </p:nvSpPr>
        <p:spPr>
          <a:xfrm>
            <a:off x="4404643" y="2341953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Unified Customer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62" name="Rectangle: Rounded Corners 61">
            <a:extLst>
              <a:ext uri="{FF2B5EF4-FFF2-40B4-BE49-F238E27FC236}">
                <a16:creationId xmlns:a16="http://schemas.microsoft.com/office/drawing/2014/main" id="{CD63C839-8A04-61DF-BB9D-D092B0990F3A}"/>
              </a:ext>
            </a:extLst>
          </p:cNvPr>
          <p:cNvSpPr/>
          <p:nvPr/>
        </p:nvSpPr>
        <p:spPr>
          <a:xfrm>
            <a:off x="9468737" y="2584804"/>
            <a:ext cx="2535809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err="1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Nayax</a:t>
            </a: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 KPIs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2" name="Rectangle: Rounded Corners 451">
            <a:extLst>
              <a:ext uri="{FF2B5EF4-FFF2-40B4-BE49-F238E27FC236}">
                <a16:creationId xmlns:a16="http://schemas.microsoft.com/office/drawing/2014/main" id="{FA87CE97-5C1A-5FD2-0F0A-E5B1AE6C5977}"/>
              </a:ext>
            </a:extLst>
          </p:cNvPr>
          <p:cNvSpPr/>
          <p:nvPr/>
        </p:nvSpPr>
        <p:spPr>
          <a:xfrm>
            <a:off x="6141830" y="1750765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NetSuite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3" name="Rectangle: Rounded Corners 452">
            <a:extLst>
              <a:ext uri="{FF2B5EF4-FFF2-40B4-BE49-F238E27FC236}">
                <a16:creationId xmlns:a16="http://schemas.microsoft.com/office/drawing/2014/main" id="{145D7AB5-9B87-B9D0-5068-C058F3F9DE33}"/>
              </a:ext>
            </a:extLst>
          </p:cNvPr>
          <p:cNvSpPr/>
          <p:nvPr/>
        </p:nvSpPr>
        <p:spPr>
          <a:xfrm>
            <a:off x="8776051" y="1750765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SNOW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5" name="Rectangle: Rounded Corners 454">
            <a:extLst>
              <a:ext uri="{FF2B5EF4-FFF2-40B4-BE49-F238E27FC236}">
                <a16:creationId xmlns:a16="http://schemas.microsoft.com/office/drawing/2014/main" id="{9925E186-7E88-1EB4-0D09-D38E47866619}"/>
              </a:ext>
            </a:extLst>
          </p:cNvPr>
          <p:cNvSpPr/>
          <p:nvPr/>
        </p:nvSpPr>
        <p:spPr>
          <a:xfrm>
            <a:off x="10481499" y="1750765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HubSpot 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6" name="Rectangle: Rounded Corners 455">
            <a:extLst>
              <a:ext uri="{FF2B5EF4-FFF2-40B4-BE49-F238E27FC236}">
                <a16:creationId xmlns:a16="http://schemas.microsoft.com/office/drawing/2014/main" id="{FDA13979-CF8E-5899-AAE6-046A8CDD67BF}"/>
              </a:ext>
            </a:extLst>
          </p:cNvPr>
          <p:cNvSpPr/>
          <p:nvPr/>
        </p:nvSpPr>
        <p:spPr>
          <a:xfrm>
            <a:off x="9461319" y="4608210"/>
            <a:ext cx="2535809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Customer 360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7" name="Rectangle: Rounded Corners 456">
            <a:extLst>
              <a:ext uri="{FF2B5EF4-FFF2-40B4-BE49-F238E27FC236}">
                <a16:creationId xmlns:a16="http://schemas.microsoft.com/office/drawing/2014/main" id="{95B78658-5BA3-48D7-1AD3-3D932422C369}"/>
              </a:ext>
            </a:extLst>
          </p:cNvPr>
          <p:cNvSpPr/>
          <p:nvPr/>
        </p:nvSpPr>
        <p:spPr>
          <a:xfrm>
            <a:off x="6096001" y="4593651"/>
            <a:ext cx="1016000" cy="164159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5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Customer view </a:t>
            </a:r>
            <a:endParaRPr lang="en-IL" sz="105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8" name="Rectangle: Rounded Corners 457">
            <a:extLst>
              <a:ext uri="{FF2B5EF4-FFF2-40B4-BE49-F238E27FC236}">
                <a16:creationId xmlns:a16="http://schemas.microsoft.com/office/drawing/2014/main" id="{163D5D85-4391-9E2F-9B2B-7C08ED0584AF}"/>
              </a:ext>
            </a:extLst>
          </p:cNvPr>
          <p:cNvSpPr/>
          <p:nvPr/>
        </p:nvSpPr>
        <p:spPr>
          <a:xfrm>
            <a:off x="10970627" y="4945981"/>
            <a:ext cx="1016000" cy="164159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Customer rating </a:t>
            </a:r>
            <a:endParaRPr lang="en-IL" sz="9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0" name="Rectangle: Rounded Corners 459">
            <a:extLst>
              <a:ext uri="{FF2B5EF4-FFF2-40B4-BE49-F238E27FC236}">
                <a16:creationId xmlns:a16="http://schemas.microsoft.com/office/drawing/2014/main" id="{8E3D1586-A956-430F-CC16-943A3968BC0E}"/>
              </a:ext>
            </a:extLst>
          </p:cNvPr>
          <p:cNvSpPr/>
          <p:nvPr/>
        </p:nvSpPr>
        <p:spPr>
          <a:xfrm>
            <a:off x="5435009" y="5782469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Anomalies POC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1" name="Rectangle: Rounded Corners 460">
            <a:extLst>
              <a:ext uri="{FF2B5EF4-FFF2-40B4-BE49-F238E27FC236}">
                <a16:creationId xmlns:a16="http://schemas.microsoft.com/office/drawing/2014/main" id="{E3C5E892-C36F-D0D2-6E93-5BC941F03EA1}"/>
              </a:ext>
            </a:extLst>
          </p:cNvPr>
          <p:cNvSpPr/>
          <p:nvPr/>
        </p:nvSpPr>
        <p:spPr>
          <a:xfrm>
            <a:off x="7039144" y="6096664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F0502020204030204"/>
                <a:ea typeface="Calibri"/>
                <a:cs typeface="Arial" panose="020B0604020202020204" pitchFamily="34" charset="0"/>
              </a:rPr>
              <a:t>Maximize configuration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2" name="Rectangle: Rounded Corners 461">
            <a:extLst>
              <a:ext uri="{FF2B5EF4-FFF2-40B4-BE49-F238E27FC236}">
                <a16:creationId xmlns:a16="http://schemas.microsoft.com/office/drawing/2014/main" id="{2839DA87-C8C8-00BA-123E-80CA2EB2652B}"/>
              </a:ext>
            </a:extLst>
          </p:cNvPr>
          <p:cNvSpPr/>
          <p:nvPr/>
        </p:nvSpPr>
        <p:spPr>
          <a:xfrm>
            <a:off x="8645919" y="6334620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F0502020204030204"/>
                <a:ea typeface="Calibri"/>
                <a:cs typeface="Arial" panose="020B0604020202020204" pitchFamily="34" charset="0"/>
              </a:rPr>
              <a:t>Chargeback &amp; refunds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3" name="Rectangle: Rounded Corners 462">
            <a:extLst>
              <a:ext uri="{FF2B5EF4-FFF2-40B4-BE49-F238E27FC236}">
                <a16:creationId xmlns:a16="http://schemas.microsoft.com/office/drawing/2014/main" id="{6D3CBE72-E347-0EDD-CB7E-648BD06109E1}"/>
              </a:ext>
            </a:extLst>
          </p:cNvPr>
          <p:cNvSpPr/>
          <p:nvPr/>
        </p:nvSpPr>
        <p:spPr>
          <a:xfrm>
            <a:off x="10276719" y="6526337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F0502020204030204"/>
                <a:ea typeface="Calibri"/>
                <a:cs typeface="Arial" panose="020B0604020202020204" pitchFamily="34" charset="0"/>
              </a:rPr>
              <a:t>Predictive maintenance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5" name="Rectangle: Rounded Corners 464">
            <a:extLst>
              <a:ext uri="{FF2B5EF4-FFF2-40B4-BE49-F238E27FC236}">
                <a16:creationId xmlns:a16="http://schemas.microsoft.com/office/drawing/2014/main" id="{3E86D97F-79CA-C37A-A753-E8AD3EE3EC5F}"/>
              </a:ext>
            </a:extLst>
          </p:cNvPr>
          <p:cNvSpPr/>
          <p:nvPr/>
        </p:nvSpPr>
        <p:spPr>
          <a:xfrm>
            <a:off x="6058294" y="3581490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6" name="Rectangle: Rounded Corners 465">
            <a:extLst>
              <a:ext uri="{FF2B5EF4-FFF2-40B4-BE49-F238E27FC236}">
                <a16:creationId xmlns:a16="http://schemas.microsoft.com/office/drawing/2014/main" id="{C42D0102-7660-0DCE-B1E0-8258E7C38B51}"/>
              </a:ext>
            </a:extLst>
          </p:cNvPr>
          <p:cNvSpPr/>
          <p:nvPr/>
        </p:nvSpPr>
        <p:spPr>
          <a:xfrm>
            <a:off x="8150894" y="3584208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7" name="Rectangle: Rounded Corners 466">
            <a:extLst>
              <a:ext uri="{FF2B5EF4-FFF2-40B4-BE49-F238E27FC236}">
                <a16:creationId xmlns:a16="http://schemas.microsoft.com/office/drawing/2014/main" id="{045B6202-B0B5-90C9-35E0-05F5F004F67E}"/>
              </a:ext>
            </a:extLst>
          </p:cNvPr>
          <p:cNvSpPr/>
          <p:nvPr/>
        </p:nvSpPr>
        <p:spPr>
          <a:xfrm>
            <a:off x="10374650" y="3577302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Arial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063466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Shape 495">
          <a:extLst>
            <a:ext uri="{FF2B5EF4-FFF2-40B4-BE49-F238E27FC236}">
              <a16:creationId xmlns:a16="http://schemas.microsoft.com/office/drawing/2014/main" id="{65CFE582-8DD3-4A61-741C-638AC3515E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968AA04D-4AF0-63C2-772C-DE2DF753B0C2}"/>
              </a:ext>
            </a:extLst>
          </p:cNvPr>
          <p:cNvSpPr txBox="1"/>
          <p:nvPr/>
        </p:nvSpPr>
        <p:spPr>
          <a:xfrm>
            <a:off x="492684" y="260028"/>
            <a:ext cx="7385224" cy="4978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xmlns:lc="http://schemas.openxmlformats.org/drawingml/2006/lockedCanvas" val="1"/>
            </a:ext>
          </a:extLst>
        </p:spPr>
        <p:txBody>
          <a:bodyPr wrap="square" lIns="45719" rIns="45719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pPr marL="0" marR="0" lvl="0" indent="0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altLang="ko-KR" sz="2600" b="1" dirty="0">
                <a:solidFill>
                  <a:prstClr val="black"/>
                </a:solidFill>
                <a:highlight>
                  <a:srgbClr val="FFFF00"/>
                </a:highlight>
                <a:latin typeface="Arial" panose="020B0502040204020203" pitchFamily="34" charset="0"/>
                <a:ea typeface="맑은 고딕" panose="020B0503020000020004" pitchFamily="34" charset="-127"/>
                <a:cs typeface="Arial" pitchFamily="34" charset="0"/>
              </a:rPr>
              <a:t>Business Scenarios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D75FF482-4D37-054E-67A5-2F65A3F37CF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11048585"/>
              </p:ext>
            </p:extLst>
          </p:nvPr>
        </p:nvGraphicFramePr>
        <p:xfrm>
          <a:off x="166394" y="909330"/>
          <a:ext cx="11485214" cy="5790571"/>
        </p:xfrm>
        <a:graphic>
          <a:graphicData uri="http://schemas.openxmlformats.org/drawingml/2006/table">
            <a:tbl>
              <a:tblPr/>
              <a:tblGrid>
                <a:gridCol w="2115630">
                  <a:extLst>
                    <a:ext uri="{9D8B030D-6E8A-4147-A177-3AD203B41FA5}">
                      <a16:colId xmlns:a16="http://schemas.microsoft.com/office/drawing/2014/main" val="892005112"/>
                    </a:ext>
                  </a:extLst>
                </a:gridCol>
                <a:gridCol w="2568785">
                  <a:extLst>
                    <a:ext uri="{9D8B030D-6E8A-4147-A177-3AD203B41FA5}">
                      <a16:colId xmlns:a16="http://schemas.microsoft.com/office/drawing/2014/main" val="1186659160"/>
                    </a:ext>
                  </a:extLst>
                </a:gridCol>
                <a:gridCol w="2280814">
                  <a:extLst>
                    <a:ext uri="{9D8B030D-6E8A-4147-A177-3AD203B41FA5}">
                      <a16:colId xmlns:a16="http://schemas.microsoft.com/office/drawing/2014/main" val="1467427102"/>
                    </a:ext>
                  </a:extLst>
                </a:gridCol>
                <a:gridCol w="2343355">
                  <a:extLst>
                    <a:ext uri="{9D8B030D-6E8A-4147-A177-3AD203B41FA5}">
                      <a16:colId xmlns:a16="http://schemas.microsoft.com/office/drawing/2014/main" val="1002958367"/>
                    </a:ext>
                  </a:extLst>
                </a:gridCol>
                <a:gridCol w="1510016">
                  <a:extLst>
                    <a:ext uri="{9D8B030D-6E8A-4147-A177-3AD203B41FA5}">
                      <a16:colId xmlns:a16="http://schemas.microsoft.com/office/drawing/2014/main" val="3478855302"/>
                    </a:ext>
                  </a:extLst>
                </a:gridCol>
                <a:gridCol w="666614">
                  <a:extLst>
                    <a:ext uri="{9D8B030D-6E8A-4147-A177-3AD203B41FA5}">
                      <a16:colId xmlns:a16="http://schemas.microsoft.com/office/drawing/2014/main" val="1234087013"/>
                    </a:ext>
                  </a:extLst>
                </a:gridCol>
              </a:tblGrid>
              <a:tr h="241666"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oject Nam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scription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cop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Business Valu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liverables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IL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24363945"/>
                  </a:ext>
                </a:extLst>
              </a:tr>
              <a:tr h="76228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lign Customer Entity Across System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sure a consistent and unified customer entity across all organizational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integration, standardization, and governanc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mproved data consistency, better decision-making, reduced reconciliation eff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Unified customer data model, data governance framework, compliance and audit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9714886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ne Truth for Cross-Company KPI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stablish a single source of truth for key performance indicators (KPIs) across the compan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consolidation, KPI alignment, and reporting standardiz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hanced reporting accuracy, alignment across departments, better strategic plan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KPI dashboard, standardized data definitions, executive reporting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3669664"/>
                  </a:ext>
                </a:extLst>
              </a:tr>
              <a:tr h="61016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elf-Service BI for Business Department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able business users to generate reports and insights without dependency on I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mplementation of self-service BI tools, access control, and trai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Faster and more flexible business insights, reducing IT workload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elf-service BI platform, training materials, governance guidelines, and user adoption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08308994"/>
                  </a:ext>
                </a:extLst>
              </a:tr>
              <a:tr h="61016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Faster TTM for Analytic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Reduce the time required to deliver analytical insights by optimizing data workflow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ptimization of ETL/ELT pipelines, data modeling improvemen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ccelerated decision-making and improved efficiency in analytics process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Optimized data pipelines, reduced latency in analytics delivery, and performance monitoring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3224131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ustomer 360 View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reate a comprehensive view of customer interactions, transactions, and engagemen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ntegration of customer data from multiple sources into a unified model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eper customer understanding, personalized interactions, and higher retention rat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Customer 360 dashboard, integration with CRM and support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9740739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Unified Customer Metadata (# Machines, Activated..)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Integrate and standardize metadata for customers, including machine usage and activation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velopment of metadata management systems and reporting dashboard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Better asset tracking, improved customer engagement metric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Metadata management system, customer insights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7236120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tect Business Anomalie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evelop an anomaly detection system to identify business inconsistencies in real-tim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I-based anomaly detection models and real-time ale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Reduced revenue leakage, faster anomaly detection and resolu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nomaly detection reports, automated alerting system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0986960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Maintenance Prediction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 maintenance needs to reduce downtime and optimize resource allocation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ive analytics using historical maintenance data and IoT sensor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Lower maintenance costs, increased operational efficiency, improved uptim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Predictive maintenance dashboard, integration with asset tracking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3159412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levate Data for Analytics and AI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Enhance data accessibility and quality to support advanced analytics and AI initiative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Data enrichment, AI model training, and improved accessibility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Stronger AI and analytics capabilities, improved business intelligenc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F0502020204030204" pitchFamily="34" charset="0"/>
                        </a:rPr>
                        <a:t>AI-ready data platform, enhanced data catalogs, APIs for AI/ML applications, and model performance rep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7151798"/>
                  </a:ext>
                </a:extLst>
              </a:tr>
            </a:tbl>
          </a:graphicData>
        </a:graphic>
      </p:graphicFrame>
      <p:sp>
        <p:nvSpPr>
          <p:cNvPr id="4" name="Прямая соединительная линия 7">
            <a:extLst>
              <a:ext uri="{FF2B5EF4-FFF2-40B4-BE49-F238E27FC236}">
                <a16:creationId xmlns:a16="http://schemas.microsoft.com/office/drawing/2014/main" id="{4EFC930E-9ADD-29D5-F1D1-9766A6D0628D}"/>
              </a:ext>
            </a:extLst>
          </p:cNvPr>
          <p:cNvSpPr/>
          <p:nvPr/>
        </p:nvSpPr>
        <p:spPr>
          <a:xfrm flipH="1" flipV="1">
            <a:off x="492684" y="757921"/>
            <a:ext cx="6951912" cy="0"/>
          </a:xfrm>
          <a:prstGeom prst="line">
            <a:avLst/>
          </a:prstGeom>
          <a:ln w="38100">
            <a:solidFill>
              <a:srgbClr val="042056"/>
            </a:solidFill>
            <a:miter/>
          </a:ln>
        </p:spPr>
        <p:txBody>
          <a:bodyPr lIns="45719" rIns="45719"/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8615646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VhMmUyMGIwLWNmYzctNDkyYS05OTgxLThlZTczNjE5Mzg3N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xNjUsIkciOjE2NSwiQiI6MTY1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iLCJUb3AiOjAuMCwiTGVmdCI6MC4wLCJSaWdodCI6MC4wLCJCb3R0b20iOjAuMH0sIlBhZGRpbmciOnsiJGlkIjoiNjQiLCJUb3AiOjAuMCwiTGVmdCI6MC4wLCJSaWdodCI6MC4wLCJCb3R0b20iOjAuMH0sIkJhY2tncm91bmQiOnsiJGlkIjoiNjUiLCJDb2xvciI6eyIkaWQiOiI2NiIsIkEiOjg5LCJSIjowLCJHIjowLCJCIjowfX0sIklzVmlzaWJsZSI6dHJ1ZSwiV2lkdGgiOjAuMCwiSGVpZ2h0IjowLjAsIkJvcmRlclN0eWxlIjpudWxsLCJQYXJlbnRTdHlsZSI6bnVsbH0sIkR1cmF0aW9u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HJlZiI6IjY2In1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aWQiOiI5NyIsIkNvbG9yIjp7IiRpZCI6I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Y2In19LCJJc1Zpc2libGUiOnRydWUsIldpZHRoIjowLjAsIkhlaWdodCI6MC4wLCJCb3JkZXJTdHlsZSI6bnVsbCwiUGFyZW50U3R5bGUiOm51bGx9LCJEYXRlRm9ybWF0Ijp7IiRpZCI6IjE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iLCJGb3JtYXQiOjAsIklzVmlzaWJsZSI6ZmFsc2UsIkxhc3RLbm93blZpc2liaWxpdHlTdGF0ZSI6ZmFsc2V9LCJJc1Zpc2libGUiOnRydWUsIlBhcmVudFN0eWxlIjpudWxsLCJfZXhwbGljaXRseVNldCI6eyIkaWQiOiIx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yNTUsIlIiOjY1LCJHIjoxMDcsIkIiOjE3MH19LCJJc1Zpc2libGUiOnRydWUsIldpZHRoIjoxOC4wLCJIZWlnaHQiOjIwLjAsIkJvcmRlclN0eWxlIjp7IiRpZCI6IjExNiIsIkxpbmVDb2xvciI6eyIkaWQiOiIxMTciLCIkdHlwZSI6Ik5MUkUuQ29tbW9uLkRvbS5Tb2xpZENvbG9yQnJ1c2gsIE5MUkUuQ29tbW9uIiwiQ29sb3IiOnsiJGlkIjoiMTE4IiwiQSI6MjU1LCJSIjoyMzQsIkciOjIyLCJCIjoz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4OSwiUiI6MCwiRyI6MCwiQiI6MH19LCJJc1Zpc2libGUiOnRydWUsIldpZHRoIjowLjAsIkhlaWdodCI6MC4wLCJCb3JkZXJTdHlsZSI6bnVsbCwiUGFyZW50U3R5bGUiOm51bGx9LCJEYXRl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TI2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pZCI6IjE1MiIsIkEiOjg5LCJSIjowLCJHIjowLCJCIjowfX0sIklzVmlzaWJsZSI6dHJ1ZSwiV2lkdGgiOjAuMCwiSGVpZ2h0IjowLjAsIkJvcmRlclN0eWxlIjpudWxsLCJQYXJlbnRTdHlsZSI6bnVsbH0sIkRhdGVTdHlsZSI6eyIkaWQiOiIxNTMiLCJGb250U2V0dGluZ3MiOnsiJGlkIjoiMTU0IiwiRm9udFNpemUiOjEwLCJGb250TmFtZSI6IkNhbGlicmkiLCJJc0JvbGQiOmZhbHNlLCJJc0l0YWxpYyI6ZmFsc2UsIklzVW5kZXJsaW5lZCI6ZmFsc2UsIlBhcmVudFN0eWxlIjpudWxsfSwiQXV0b1NpemUiOjAsIkZvcmVncm91bmQiOnsiJGlkIjoiMTU1IiwiQ29sb3IiOnsiJGlkIjoiM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g5LCJSIjowLCJHIjowLCJCIjowfX0sIklzVmlzaWJsZSI6dHJ1ZSwiV2lkdGgiOjAuMCwiSGVpZ2h0IjowLjAsIkJvcmRlclN0eWxlIjpudWxsLCJQYXJlbnRTdHlsZSI6bnVsbH0sIkRhdGVGb3JtYXQiOnsiJGlkIjoiM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DQiLCJUb3AiOjAuMCwiTGVmdCI6MC4wLCJSaWdodCI6MjU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bnVsbCwiUGFyZW50U3R5bGUiOm51bGx9LCJMZWZ0RW5kQ2Fwc1N0eWxlIjp7IiRpZCI6IjI0OCIsIkZvbnRTZXR0aW5ncyI6eyIkaWQiOiIyNDkiLCJGb250U2l6ZSI6MTgsIkZvbnROYW1lIjoiQ2FsaWJyaSIsIklzQm9sZCI6dHJ1ZSwiSXNJdGFsaWMiOmZhbHNlLCJJc1VuZGVybGluZWQiOmZhbHNlLCJQYXJlbnRTdHlsZSI6bnVsbH0sIkF1dG9TaXplIjowLCJGb3JlZ3JvdW5kIjp7IiRpZCI6IjI1MCIsIkNvbG9yIjp7IiRpZCI6IjI1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NiwiRyI6MTcwLCJCIjo2Nn19LCJJc1Zpc2libGUiOnRydWUsIldpZHRoIjoxMy4wLCJIZWlnaHQiOjEzLjAsIkJvcmRlclN0eWxlIjp7IiRpZCI6IjMwOCIsIkxpbmVDb2xvciI6eyIkaWQiOiIzMDkiLCIkdHlwZSI6Ik5MUkUuQ29tbW9uLkRvbS5Tb2xpZENvbG9yQnJ1c2gsIE5MUkUuQ29tbW9uIiwiQ29sb3IiOnsiJGlkIjoiMzEwIiwiQSI6MjU1LCJSIjoyMzQsIkciOjIyLCJCIjozMH1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CwiRm9yZWdyb3VuZCI6eyIkaWQiOiIzMTMiLCJDb2xvciI6eyIkaWQiOiIzM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aWQiOiIzMTgiLCJBIjowLCJSIjoyNTUsIkciOjI1NSwiQiI6MjU1fX0sIklzVmlzaWJsZSI6dHJ1ZSwiV2lkdGgiOjAuMCwiSGVpZ2h0IjowLjAsIkJvcmRlclN0eWxlIjpudWxsLCJQYXJlbnRTdHlsZSI6bnVsbH0sIkRhdGV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m51bGwsIlBhcmVudFN0eWxlIjpudWxsfSwiRGF0ZUZvcm1hdCI6eyIkaWQiOiIz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I1NSwiUiI6MjYsIkciOjE3MCwiQiI6NjZ9fSwiSXNWaXNpYmxlIjp0cnVlLCJXaWR0aCI6MTMuMCwiSGVpZ2h0IjoxMy4wLCJCb3JkZXJTdHlsZSI6eyIkaWQiOiIzNDAiLCJMaW5lQ29sb3IiOnsiJGlkIjoiMzQxIiwiJHR5cGUiOiJOTFJFLkNvbW1vbi5Eb20uU29saWRDb2xvckJydXNoLCBOTFJFLkNvbW1vbiIsIkNvbG9yIjp7IiRpZCI6IjM0MiIsIkEiOjI1NSwiUiI6MjM0LCJHIjoyMiwiQiI6MzB9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GlkIjoiMzQ1IiwiQ29sb3IiOnsiJGlkIjoiMz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CwiUiI6MjU1LCJHIjoyNTUsIkIiOjI1NX19LCJJc1Zpc2libGUiOnRydWUsIldpZHRoIjowLjAsIkhlaWdodCI6MC4wLCJCb3JkZXJTdHlsZSI6bnVsbC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aWQiOiIzNTgiLCJBIjowLCJSIjoyNTUsIkciOjI1NSwiQiI6MjU1fX0sIklzVmlzaWJsZSI6dHJ1ZSwiV2lkdGgiOjAuMCwiSGVpZ2h0IjowLjAsIkJvcmRlclN0eWxlIjpudWxsLCJQYXJlbnRTdHlsZSI6bnVsbH0sIkRhdGVGb3JtYXQiOnsiJGlkIjoiM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CIsIkZvcm1hdCI6MCwiSXNWaXNpYmxlIjpmYWxzZSwiTGFzdEtub3duVmlzaWJpbGl0eVN0YXRlIjpmYWxzZX0sIklzVmlzaWJsZSI6dHJ1ZSwiUGFyZW50U3R5bGUiOm51bGx9LCJEZWZhdWx0VGFza1N0eWxlIjp7IiRpZCI6IjM2MSIsIlNoYXBlIjowLCJTaGFwZVRoaWNrbmVzcyI6MS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2IiwiVG9wIjowLjAsIkxlZnQiOjAuMCwiUmlnaHQiOjAuMCwiQm90dG9tIjowLjB9LCJQYWRkaW5nIjp7IiRpZCI6IjM2NyIsIlRvcCI6MC4wLCJMZWZ0IjowLjAsIlJpZ2h0IjowLjAsIkJvdHRvbSI6MC4wfSwiQmFja2dyb3VuZCI6eyIkaWQiOiIzNjgiLCJDb2xvciI6eyIkaWQiOiIzNjkiLCJBIjo4OSwiUiI6MCwiRyI6MCwiQiI6MH19LCJJc1Zpc2libGUiOnRydWUsIldpZHRoIjowLjAsIkhlaWdodCI6MC4wLCJCb3JkZXJTdHlsZSI6bnVsbCwiUGFyZW50U3R5bGUiOm51bGx9LCJEdXJhdGlvbl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udWxsLCJQYXJlbnRTdHlsZSI6bnVsbH0sIkRhdGV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m51bGw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4IiwiRm9ybWF0IjowLCJJc1Zpc2libGUiOmZhbHNlLCJMYXN0S25vd25WaXNpYmlsaXR5U3RhdGUiOmZhbHNlfSwiSXNWaXNpYmxlIjp0cnVlLCJQYXJlbnRTdHlsZSI6bnVsbCwiX2V4cGxpY2l0bHlTZXQiOnsiJGlkIjoiNDA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QxMCIsIlRpdGxlUG9zaXRpb24iOiJSaWdodCIsIkRhdGVQb3NpdGlvbiI6IkxlZnQiLCJTaGFwZVR5cGUiOjAsIlNoYXBlU2l6ZSI6MSwiU3BhY2luZyI6NSwiU2hhc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4OSwiUiI6MCwiRyI6MCwiQiI6MH19LCJJc1Zpc2libGUiOnRydWUsIldpZHRoIjowLjAsIkhlaWdodCI6MC4wLCJCb3JkZXJTdHlsZSI6bnVsbCwiUGFyZW50U3R5bGUiOm51bGx9LCJEYXRlU3R5bGUiOnsiJGlkIjoiNDI3IiwiRm9udFNldHRpbmdzIjp7IiRpZCI6IjQyOCIsIkZvbnRTaXplIjoxMCwiRm9udE5hbWUiOiJDYWxpYnJpIiwiSXNCb2xkIjpmYWxzZSwiSXNJdGFsaWMiOmZhbHNlLCJJc1VuZGVybGluZWQiOmZhbHNlLCJQYXJlbnRTdHlsZSI6bnVsbH0sIkF1dG9TaXplIjowLCJGb3JlZ3JvdW5kIjp7IiRpZCI6IjQyOSIsIkNvbG9yIjp7IiRpZCI6IjQ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aWQiOiI0MzMiLCJDb2xvciI6eyIkaWQiOiI0MzQiLCJBIjo4OSwiUiI6MCwiRyI6MCwiQiI6MH19LCJJc1Zpc2libGUiOnRydWUsIldpZHRoIjowLjAsIkhlaWdodCI6MC4wLCJCb3JkZXJTdHlsZSI6bnVsbC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Ib3Jpem9udGFsQ29ubmVjdG9yU3R5bGUiOnsiJGlkIjoiNDkyIiwiTGluZUNvbG9yIjp7IiRyZWYiOiI3NSJ9LCJMaW5lV2VpZ2h0IjoxLjAsIkxpbmVUeXBlIjowLCJQYXJlbnRTdHlsZSI6bnVsbH0sIlZlcnRpY2FsQ29ubmVjdG9yU3R5bGUiOnsiJGlkIjoiNDkzIiwiTGluZUNvbG9yIjp7IiRyZWYiOiI3O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udWxsLCJQYXJlbnRTdHlsZSI6bnVsbH0sIkRhdGVGb3JtYXQiOnsiJHJlZiI6IjEwMiJ9LCJXZWVrTnVtYmVyaW5nIjp7IiRpZCI6IjUwMCIsIkZvcm1hdCI6MCwiSXNWaXNpYmxlIjpmYWxzZSwiTGFzdEtub3duVmlzaWJpbGl0eVN0YXRlIjpmYWxzZX0sIklzVmlzaWJsZSI6dHJ1ZSwiUGFyZW50U3R5bGUiOm51bGwsIl9leHBsaWNpdGx5U2V0Ijp7IiRpZCI6IjUw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dHJ1ZSwiV2lkdGgiOjAuMCwiSGVpZ2h0IjowLjAsIkJvcmRlclN0eWxlIjpudWxs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udWxsfSwiRGF0ZVN0eWxlIjp7IiRpZCI6IjU2MyIsIkZvbnRTZXR0aW5ncyI6eyIkaWQiOiI1NjQiLCJGb250U2l6ZSI6MTAsIkZvbnROYW1lIjoiQ2FsaWJyaSIsIklzQm9sZCI6ZmFsc2UsIklzSXRhbGljIjpmYWxzZSwiSXNVbmRlcmxpbmVkIjpmYWxzZSwiUGFyZW50U3R5bGUiOm51bGx9LCJBdXRvU2l6ZSI6MCwiRm9yZWdyb3VuZCI6eyIkaWQiOiI1NjUiLCJDb2xvciI6eyIkaWQiOiI1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CwiUiI6MjU1LCJHIjoyNTUsIkIiOjI1NX19LCJJc1Zpc2libGUiOnRydWUsIldpZHRoIjowLjAsIkhlaWdodCI6MC4wLCJCb3JkZXJTdHlsZSI6eyIkaWQiOiI1NzEiLCJMaW5lQ29sb3IiOm51bGwsIkxpbmVXZWlnaHQiOjAuMCwiTGluZVR5cGUiOjAsIlBhcmVudFN0eWxlIjpudWxsfS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U1OCJ9LCJQYWRkaW5nIjp7IiRyZWYiOiI1NTkifSwiQmFja2dyb3VuZCI6eyIkaWQiOiI1ODkiLCJDb2xvciI6eyIkaWQiOiI1OTAiLCJBIjowLCJSIjoyNTUsIkciOjI1NSwiQiI6MjU1fX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aWQiOiI2MTEiLCJBIjo4OSwiUiI6MCwiRyI6MCwiQiI6MH1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aWQiOiI2MTUiLCJDb2xvciI6eyIkaWQiOiI2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yNyIsIk1hcmdpbiI6eyIkaWQiOiI2MjgiLCJUb3AiOjAuMCwiTGVmdCI6NC4wLCJSaWdodCI6NC4wLCJCb3R0b20iOjAuMH0sIlBhZGRpbmciOnsiJGlkIjoiNjI5IiwiVG9wIjowLjAsIkxlZnQiOjAuMCwiUmlnaHQiOjAuMCwiQm90dG9tIjowLjB9LCJCYWNrZ3JvdW5kIjp7IiRpZCI6IjYzMCIsIkNvbG9yIjp7IiRpZCI6IjYzMSIsIkEiOjI1NSwiUiI6NDcsIkciOjU0LCJCIjoxNTN9fSwiSXNWaXNpYmxlIjp0cnVlLCJXaWR0aCI6MC4wLCJIZWlnaHQiOjE2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xMSwiRm9udE5hbWUiOiJDYWxpYnJpIiwiSXNCb2xkIjp0cnVlLCJJc0l0YWxpYyI6ZmFsc2UsIklzVW5kZXJsaW5lZCI6ZmFsc2UsIlBhcmVudFN0eWxlIjpudWxsfSwiQXV0b1NpemUiOjIsIkZvcmVncm91bmQiOnsiJGlkIjoiNjM3IiwiQ29sb3IiOnsiJGlkIjoiNjM4IiwiQSI6MjU1LCJSIjowLCJHIjowLCJCIjowfX0sIk1heFdpZHRoIjoxMjIuODE1NTEzNjEwODM5ODQ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EYXRlRm9ybWF0Ijp7IiRpZCI6IjY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4OSwiUiI6MCwiRyI6MCwiQiI6MH1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aWQiOiI2NjgiLCJDb2xvciI6eyIkaWQiOiI2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jU1LCJHIjoyNTUsIkIiOjI1NX19LCJJc1Zpc2libGUiOnRydW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JGMzY5OVwiLFwiI0ZGMUFBQTQyXCJdIiwiU291cmNlVGhlbWUiOiJ7XCIkaWRcIjpcIjFcIixcIklkXCI6XCIxMGY0M2IzMS0wZTVjLTQxZDktYTJlNi02ODMzOTUyNGI2MTh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nRydW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Q3LFwiR1wiOjU0LFwiQlwiOjE1M3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2LFwiR1wiOjE3MCxcIkJcIjo2Nn19LFwiSXNWaXNpYmxlXCI6dHJ1ZSxcIldpZHRoXCI6MTMuMCxcIkhlaWdodFwiOjEz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ixcIkdcIjoxNzAsXCJCXCI6NjZ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MDliNzFjYy0zZDEwLTRjYWQtYWUwZS05YmZhNTE5YWY2N2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2NSxcIkdcIjoxMDcsXCJCXCI6MTc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yNTU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Y1LFwiR1wiOjEwNyxcIkJcIjoxN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jU1LFwiUlwiOjE2NSxcIkdcIjoxNjUsXCJCXCI6MTY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UsXCJHXCI6MTA3LFwiQlwiOjE3MH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UsXCJHXCI6MTA3LFwiQlwiOjE3MH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Y1LFwiR1wiOjEwNyxcIkJcIjoxNzB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0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Y4LFwiR1wiOjg0LFwiQlwiOjEwNn0sXCJBY2NlbnQzXCI6e1wiJGlkXCI6XCIyNzdcIixcIkFcIjoyNTUsXCJSXCI6NjUsXCJHXCI6MTA3LFwiQlwiOjE3MH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cxMiIsIkltcGFPcHRpb25zIjp7IiRpZCI6Ijcx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CIsIlVzZVRpbWUiOmZhbHNlLCJXb3JrRGF5U3RhcnQiOiIwMDowMDowMCIsIldvcmtEYXlFbmQiOiIyMzo1OTowMCJ9LCJMYXN0VXNlZFRlbXBsYXRlSWQiOiI3MzU1YjYzMy1hYzY2LTQ1MjgtOGI0ZC0yOTlmYWVkYzllZTkiLCJMYXN0VXNlZFRoZW1lRGV0YWlscyI6eyIkaWQiOiI3MTUiLCJJZCI6IjEwZjQzYjMxLTBlNWMtNDFkOS1hMmU2LTY4MzM5NTI0YjYxOCIsIlRpdGxlIjoiVW50aXRsZWQgdGhlbWUiLCJDYXRlZ29yeSI6Mn0sIkZpcnN0V2Vla09mWWVhciI6MCwiUGxhY2VNaWxlc3RvbmVBdFRoZUJlZ2lubmluZ09mVGhlRGF5IjpmYWxzZSwiRGVwZW5kZW5jeVNjaGVkdWxpbmdTZXR0aW5ncyI6eyIkaWQiOiI3MT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9</TotalTime>
  <Words>995</Words>
  <Application>Microsoft Office PowerPoint</Application>
  <PresentationFormat>Widescreen</PresentationFormat>
  <Paragraphs>141</Paragraphs>
  <Slides>4</Slides>
  <Notes>3</Notes>
  <HiddenSlides>1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Edith Goren</dc:creator>
  <cp:lastModifiedBy>Edith Goren</cp:lastModifiedBy>
  <cp:revision>1</cp:revision>
  <dcterms:created xsi:type="dcterms:W3CDTF">2025-03-23T08:44:37Z</dcterms:created>
  <dcterms:modified xsi:type="dcterms:W3CDTF">2025-03-23T14:03:50Z</dcterms:modified>
</cp:coreProperties>
</file>